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202300"/>
  <mc:AlternateContent xmlns:mc="http://schemas.openxmlformats.org/markup-compatibility/2006">
    <mc:Choice Requires="x15">
      <x15ac:absPath xmlns:x15ac="http://schemas.microsoft.com/office/spreadsheetml/2010/11/ac" url="\\Kfs01\s0603\R7group\04_商業まちづくりG\04_商店街等事業費補助金\03_商店街等活性化促進事業費補助\999_（仮）R8フォルダ\03_【未】募集要領・募集案内・HP\04_ホームページ掲載\20260326\掲載物\"/>
    </mc:Choice>
  </mc:AlternateContent>
  <xr:revisionPtr revIDLastSave="0" documentId="13_ncr:1_{040FD6A6-C55A-4735-AC76-48B32300FCD4}" xr6:coauthVersionLast="47" xr6:coauthVersionMax="47" xr10:uidLastSave="{00000000-0000-0000-0000-000000000000}"/>
  <bookViews>
    <workbookView xWindow="-120" yWindow="-120" windowWidth="29040" windowHeight="15720" xr2:uid="{36557A38-C650-45BA-8E17-FA15B9A1836B}"/>
  </bookViews>
  <sheets>
    <sheet name="申請書" sheetId="2" r:id="rId1"/>
  </sheets>
  <definedNames>
    <definedName name="_xlnm.Print_Area" localSheetId="0">申請書!$A$1:$G$4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8" uniqueCount="44">
  <si>
    <t>☑</t>
    <phoneticPr fontId="1"/>
  </si>
  <si>
    <t>無</t>
    <rPh sb="0" eb="1">
      <t>ナ</t>
    </rPh>
    <phoneticPr fontId="5"/>
  </si>
  <si>
    <t>□</t>
    <phoneticPr fontId="1"/>
  </si>
  <si>
    <t>有</t>
    <rPh sb="0" eb="1">
      <t>ア</t>
    </rPh>
    <phoneticPr fontId="5"/>
  </si>
  <si>
    <t>（上記いずれかの□にレ点をご記入ください。）</t>
    <phoneticPr fontId="5"/>
  </si>
  <si>
    <t>２者以上の連携（詳細は様式１－１記載のとおり）
（※連合会での申請を含む。）</t>
    <phoneticPr fontId="5"/>
  </si>
  <si>
    <t>単独</t>
    <phoneticPr fontId="5"/>
  </si>
  <si>
    <t>８　補助事業者の構成</t>
  </si>
  <si>
    <t>(8) その他知事が必要と認める書類</t>
  </si>
  <si>
    <t>(7) 商店街団体等の構成区域がわかる地図の写し</t>
  </si>
  <si>
    <t>(6) 商品券発行事業に係る約款等の写し</t>
  </si>
  <si>
    <t>(5) 収支予算書の写し</t>
  </si>
  <si>
    <t>(4) 組合員（会員）名簿の写し</t>
  </si>
  <si>
    <t>(3) 定款又は規約の写し</t>
  </si>
  <si>
    <t>(2) 役員等氏名一覧表（様式１－２）</t>
  </si>
  <si>
    <t>(1) 補助事業計画書（様式１－１）</t>
  </si>
  <si>
    <t>７　添付書類</t>
    <phoneticPr fontId="5"/>
  </si>
  <si>
    <t>別添のとおり</t>
    <phoneticPr fontId="5"/>
  </si>
  <si>
    <t>６　補助事業の経費配分及び経費の使用方法</t>
    <phoneticPr fontId="5"/>
  </si>
  <si>
    <t>５　交付申請額算出方法</t>
    <phoneticPr fontId="5"/>
  </si>
  <si>
    <t>概算払を希望する理由</t>
    <phoneticPr fontId="5"/>
  </si>
  <si>
    <t>希望する場合に□にレ点をご記入し、
下欄に理由を記載してください。</t>
    <rPh sb="0" eb="2">
      <t>キボウ</t>
    </rPh>
    <rPh sb="4" eb="6">
      <t>バアイ</t>
    </rPh>
    <rPh sb="18" eb="20">
      <t>カラン</t>
    </rPh>
    <rPh sb="21" eb="23">
      <t>リユウ</t>
    </rPh>
    <rPh sb="24" eb="26">
      <t>キサイ</t>
    </rPh>
    <phoneticPr fontId="5"/>
  </si>
  <si>
    <t>※</t>
    <phoneticPr fontId="5"/>
  </si>
  <si>
    <t>□</t>
  </si>
  <si>
    <t>希望の有・無</t>
    <rPh sb="0" eb="2">
      <t>キボウ</t>
    </rPh>
    <rPh sb="3" eb="4">
      <t>ア</t>
    </rPh>
    <rPh sb="5" eb="6">
      <t>ナ</t>
    </rPh>
    <phoneticPr fontId="5"/>
  </si>
  <si>
    <t>円</t>
    <rPh sb="0" eb="1">
      <t>エン</t>
    </rPh>
    <phoneticPr fontId="5"/>
  </si>
  <si>
    <t>金</t>
    <rPh sb="0" eb="1">
      <t>キン</t>
    </rPh>
    <phoneticPr fontId="5"/>
  </si>
  <si>
    <t>３　交付申請額</t>
    <phoneticPr fontId="5"/>
  </si>
  <si>
    <t>まで</t>
    <phoneticPr fontId="5"/>
  </si>
  <si>
    <t>令和　年　月　日</t>
    <rPh sb="0" eb="2">
      <t>レイワ</t>
    </rPh>
    <phoneticPr fontId="5"/>
  </si>
  <si>
    <t>交付決定日　から</t>
    <phoneticPr fontId="5"/>
  </si>
  <si>
    <t>２　補助事業の着手及び完了の予定期日</t>
    <phoneticPr fontId="5"/>
  </si>
  <si>
    <t>１　補助事業の内容</t>
    <phoneticPr fontId="5"/>
  </si>
  <si>
    <t>　</t>
    <phoneticPr fontId="5"/>
  </si>
  <si>
    <t>(職・氏名)</t>
    <phoneticPr fontId="5"/>
  </si>
  <si>
    <t>代表者　</t>
    <rPh sb="0" eb="3">
      <t>ダイヒョウシャ</t>
    </rPh>
    <phoneticPr fontId="5"/>
  </si>
  <si>
    <t>団体名　</t>
    <rPh sb="0" eb="2">
      <t>ダンタイ</t>
    </rPh>
    <rPh sb="2" eb="3">
      <t>メイ</t>
    </rPh>
    <phoneticPr fontId="5"/>
  </si>
  <si>
    <t>所在地〒</t>
    <rPh sb="0" eb="3">
      <t>ショザイチ</t>
    </rPh>
    <phoneticPr fontId="5"/>
  </si>
  <si>
    <t>神奈川県知事　殿</t>
    <phoneticPr fontId="5"/>
  </si>
  <si>
    <t>（様式１）</t>
    <phoneticPr fontId="5"/>
  </si>
  <si>
    <t>年　月　日</t>
    <phoneticPr fontId="5"/>
  </si>
  <si>
    <t>「紙版かながわトクトクキャンペーン！」事業費補助金交付申請書</t>
    <rPh sb="1" eb="3">
      <t>カミバン</t>
    </rPh>
    <rPh sb="19" eb="22">
      <t>ジギョウヒ</t>
    </rPh>
    <rPh sb="22" eb="25">
      <t>ホジョキン</t>
    </rPh>
    <rPh sb="25" eb="27">
      <t>コウフ</t>
    </rPh>
    <rPh sb="27" eb="30">
      <t>シンセイショ</t>
    </rPh>
    <phoneticPr fontId="5"/>
  </si>
  <si>
    <t>　「紙版かながわトクトクキャンペーン！」事業費補助金の交付を受けたいので、関係書類を添えて申請します。</t>
    <phoneticPr fontId="5"/>
  </si>
  <si>
    <t>４　概算払の希望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&lt;=999]000;[&lt;=9999]000\-00;000\-0000"/>
  </numFmts>
  <fonts count="1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  <font>
      <sz val="14"/>
      <name val="ＭＳ 明朝"/>
      <family val="1"/>
      <charset val="128"/>
    </font>
    <font>
      <sz val="11"/>
      <color rgb="FFFF0000"/>
      <name val="ＭＳ 明朝"/>
      <family val="1"/>
      <charset val="128"/>
    </font>
    <font>
      <sz val="10"/>
      <color rgb="FFFF0000"/>
      <name val="ＭＳ 明朝"/>
      <family val="1"/>
      <charset val="128"/>
    </font>
    <font>
      <sz val="9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</borders>
  <cellStyleXfs count="3">
    <xf numFmtId="0" fontId="0" fillId="0" borderId="0">
      <alignment vertical="center"/>
    </xf>
    <xf numFmtId="0" fontId="2" fillId="0" borderId="0"/>
    <xf numFmtId="38" fontId="2" fillId="0" borderId="0" applyFont="0" applyFill="0" applyBorder="0" applyAlignment="0" applyProtection="0">
      <alignment vertical="center"/>
    </xf>
  </cellStyleXfs>
  <cellXfs count="40">
    <xf numFmtId="0" fontId="0" fillId="0" borderId="0" xfId="0">
      <alignment vertical="center"/>
    </xf>
    <xf numFmtId="0" fontId="3" fillId="0" borderId="0" xfId="1" applyFont="1"/>
    <xf numFmtId="0" fontId="3" fillId="0" borderId="0" xfId="1" applyFont="1" applyAlignment="1">
      <alignment vertical="top"/>
    </xf>
    <xf numFmtId="0" fontId="4" fillId="0" borderId="0" xfId="1" applyFont="1"/>
    <xf numFmtId="0" fontId="3" fillId="0" borderId="5" xfId="1" applyFont="1" applyBorder="1" applyAlignment="1">
      <alignment vertical="top"/>
    </xf>
    <xf numFmtId="0" fontId="3" fillId="0" borderId="6" xfId="1" applyFont="1" applyBorder="1" applyAlignment="1">
      <alignment vertical="top"/>
    </xf>
    <xf numFmtId="0" fontId="7" fillId="0" borderId="0" xfId="1" applyFont="1"/>
    <xf numFmtId="0" fontId="7" fillId="0" borderId="0" xfId="1" applyFont="1" applyAlignment="1">
      <alignment horizontal="left" vertical="center"/>
    </xf>
    <xf numFmtId="0" fontId="7" fillId="0" borderId="0" xfId="1" applyFont="1" applyAlignment="1">
      <alignment vertical="top"/>
    </xf>
    <xf numFmtId="0" fontId="7" fillId="0" borderId="0" xfId="1" applyFont="1" applyAlignment="1">
      <alignment horizontal="right" vertical="top"/>
    </xf>
    <xf numFmtId="38" fontId="3" fillId="0" borderId="0" xfId="2" applyFont="1" applyFill="1" applyAlignment="1" applyProtection="1">
      <alignment vertical="top"/>
      <protection locked="0"/>
    </xf>
    <xf numFmtId="0" fontId="3" fillId="0" borderId="0" xfId="1" applyFont="1" applyAlignment="1">
      <alignment horizontal="right" vertical="top"/>
    </xf>
    <xf numFmtId="0" fontId="3" fillId="0" borderId="0" xfId="1" applyFont="1" applyAlignment="1">
      <alignment horizontal="left" vertical="top"/>
    </xf>
    <xf numFmtId="58" fontId="3" fillId="0" borderId="0" xfId="1" applyNumberFormat="1" applyFont="1" applyAlignment="1" applyProtection="1">
      <alignment horizontal="right" vertical="top" shrinkToFit="1"/>
      <protection locked="0"/>
    </xf>
    <xf numFmtId="0" fontId="3" fillId="0" borderId="0" xfId="1" applyFont="1" applyAlignment="1">
      <alignment wrapText="1"/>
    </xf>
    <xf numFmtId="0" fontId="9" fillId="0" borderId="0" xfId="1" applyFont="1" applyAlignment="1">
      <alignment horizontal="right" vertical="top"/>
    </xf>
    <xf numFmtId="0" fontId="3" fillId="0" borderId="0" xfId="1" applyFont="1" applyAlignment="1" applyProtection="1">
      <alignment horizontal="left" vertical="top" wrapText="1"/>
      <protection locked="0"/>
    </xf>
    <xf numFmtId="176" fontId="3" fillId="0" borderId="0" xfId="1" applyNumberFormat="1" applyFont="1" applyAlignment="1" applyProtection="1">
      <alignment horizontal="left" vertical="top"/>
      <protection locked="0"/>
    </xf>
    <xf numFmtId="0" fontId="3" fillId="0" borderId="0" xfId="1" applyFont="1" applyAlignment="1">
      <alignment vertical="center"/>
    </xf>
    <xf numFmtId="58" fontId="3" fillId="0" borderId="0" xfId="1" applyNumberFormat="1" applyFont="1" applyAlignment="1" applyProtection="1">
      <alignment horizontal="right" vertical="center"/>
      <protection locked="0"/>
    </xf>
    <xf numFmtId="0" fontId="10" fillId="0" borderId="0" xfId="1" applyFont="1" applyAlignment="1">
      <alignment vertical="center"/>
    </xf>
    <xf numFmtId="0" fontId="3" fillId="0" borderId="7" xfId="1" applyFont="1" applyBorder="1" applyAlignment="1">
      <alignment horizontal="left" vertical="center"/>
    </xf>
    <xf numFmtId="0" fontId="6" fillId="0" borderId="8" xfId="1" applyFont="1" applyFill="1" applyBorder="1" applyAlignment="1">
      <alignment horizontal="center" vertical="center"/>
    </xf>
    <xf numFmtId="0" fontId="6" fillId="0" borderId="4" xfId="1" applyFont="1" applyFill="1" applyBorder="1" applyAlignment="1">
      <alignment horizontal="center" vertical="center"/>
    </xf>
    <xf numFmtId="0" fontId="6" fillId="0" borderId="13" xfId="1" applyFont="1" applyFill="1" applyBorder="1" applyAlignment="1">
      <alignment horizontal="center" vertical="center"/>
    </xf>
    <xf numFmtId="0" fontId="8" fillId="0" borderId="0" xfId="1" applyFont="1" applyBorder="1" applyAlignment="1">
      <alignment vertical="top" wrapText="1"/>
    </xf>
    <xf numFmtId="0" fontId="3" fillId="0" borderId="11" xfId="1" applyFont="1" applyBorder="1" applyAlignment="1">
      <alignment horizontal="left" vertical="center" wrapText="1"/>
    </xf>
    <xf numFmtId="0" fontId="2" fillId="0" borderId="12" xfId="1" applyFont="1" applyBorder="1" applyAlignment="1">
      <alignment horizontal="left" vertical="center"/>
    </xf>
    <xf numFmtId="0" fontId="3" fillId="0" borderId="9" xfId="1" applyFont="1" applyFill="1" applyBorder="1" applyAlignment="1">
      <alignment horizontal="left" vertical="top" wrapText="1"/>
    </xf>
    <xf numFmtId="0" fontId="2" fillId="0" borderId="14" xfId="1" applyFill="1" applyBorder="1" applyAlignment="1">
      <alignment horizontal="left" vertical="top" wrapText="1"/>
    </xf>
    <xf numFmtId="0" fontId="2" fillId="0" borderId="10" xfId="1" applyFill="1" applyBorder="1" applyAlignment="1">
      <alignment horizontal="left" vertical="top" wrapText="1"/>
    </xf>
    <xf numFmtId="0" fontId="3" fillId="0" borderId="3" xfId="1" applyFont="1" applyBorder="1" applyAlignment="1">
      <alignment vertical="top" wrapText="1"/>
    </xf>
    <xf numFmtId="0" fontId="3" fillId="0" borderId="2" xfId="1" applyFont="1" applyBorder="1" applyAlignment="1">
      <alignment vertical="top" wrapText="1"/>
    </xf>
    <xf numFmtId="0" fontId="3" fillId="0" borderId="1" xfId="1" applyFont="1" applyBorder="1" applyAlignment="1">
      <alignment vertical="top" wrapText="1"/>
    </xf>
    <xf numFmtId="0" fontId="10" fillId="0" borderId="0" xfId="1" applyFont="1" applyAlignment="1">
      <alignment horizontal="center" vertical="center"/>
    </xf>
    <xf numFmtId="0" fontId="3" fillId="0" borderId="0" xfId="1" applyFont="1" applyAlignment="1">
      <alignment horizontal="center" vertical="center"/>
    </xf>
    <xf numFmtId="0" fontId="3" fillId="0" borderId="0" xfId="1" applyFont="1" applyAlignment="1">
      <alignment vertical="center" wrapText="1"/>
    </xf>
    <xf numFmtId="0" fontId="3" fillId="0" borderId="0" xfId="1" applyFont="1" applyAlignment="1">
      <alignment vertical="center"/>
    </xf>
    <xf numFmtId="0" fontId="3" fillId="0" borderId="9" xfId="1" applyFont="1" applyBorder="1" applyAlignment="1">
      <alignment horizontal="left" vertical="center"/>
    </xf>
    <xf numFmtId="0" fontId="3" fillId="0" borderId="10" xfId="1" applyFont="1" applyBorder="1" applyAlignment="1">
      <alignment horizontal="left" vertical="center"/>
    </xf>
  </cellXfs>
  <cellStyles count="3">
    <cellStyle name="桁区切り 2" xfId="2" xr:uid="{D4F0B51C-7993-44A9-B2E4-D9E8D871E528}"/>
    <cellStyle name="標準" xfId="0" builtinId="0"/>
    <cellStyle name="標準 2" xfId="1" xr:uid="{C4ECDD0E-0B82-4C43-AD18-99DAF45970A2}"/>
  </cellStyles>
  <dxfs count="4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404812</xdr:colOff>
      <xdr:row>10</xdr:row>
      <xdr:rowOff>133181</xdr:rowOff>
    </xdr:from>
    <xdr:to>
      <xdr:col>10</xdr:col>
      <xdr:colOff>450962</xdr:colOff>
      <xdr:row>13</xdr:row>
      <xdr:rowOff>28575</xdr:rowOff>
    </xdr:to>
    <xdr:sp macro="" textlink="">
      <xdr:nvSpPr>
        <xdr:cNvPr id="2" name="線吹き出し 1 (枠付き) 1">
          <a:extLst>
            <a:ext uri="{FF2B5EF4-FFF2-40B4-BE49-F238E27FC236}">
              <a16:creationId xmlns:a16="http://schemas.microsoft.com/office/drawing/2014/main" id="{BB3A4879-2E7E-4F9A-BD6D-C57A732070E7}"/>
            </a:ext>
          </a:extLst>
        </xdr:cNvPr>
        <xdr:cNvSpPr/>
      </xdr:nvSpPr>
      <xdr:spPr>
        <a:xfrm>
          <a:off x="7043737" y="2381081"/>
          <a:ext cx="2332150" cy="533569"/>
        </a:xfrm>
        <a:prstGeom prst="borderCallout1">
          <a:avLst>
            <a:gd name="adj1" fmla="val 24607"/>
            <a:gd name="adj2" fmla="val -474"/>
            <a:gd name="adj3" fmla="val -46724"/>
            <a:gd name="adj4" fmla="val -14721"/>
          </a:avLst>
        </a:prstGeom>
        <a:solidFill>
          <a:schemeClr val="accent4">
            <a:lumMod val="20000"/>
            <a:lumOff val="80000"/>
          </a:schemeClr>
        </a:solidFill>
        <a:ln w="15875">
          <a:solidFill>
            <a:srgbClr val="0070C0"/>
          </a:solidFill>
          <a:tailEnd type="stealt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ctr">
            <a:spcAft>
              <a:spcPts val="0"/>
            </a:spcAft>
          </a:pPr>
          <a:r>
            <a:rPr lang="ja-JP" altLang="en-US" sz="1800" u="none" kern="100">
              <a:effectLst/>
              <a:latin typeface="+mj-ea"/>
              <a:ea typeface="+mj-ea"/>
              <a:cs typeface="Times New Roman" panose="02020603050405020304" pitchFamily="18" charset="0"/>
            </a:rPr>
            <a:t>　</a:t>
          </a:r>
          <a:r>
            <a:rPr lang="ja-JP" sz="1800" u="sng" kern="100">
              <a:effectLst/>
              <a:latin typeface="+mj-ea"/>
              <a:ea typeface="+mj-ea"/>
              <a:cs typeface="Times New Roman" panose="02020603050405020304" pitchFamily="18" charset="0"/>
            </a:rPr>
            <a:t>押印</a:t>
          </a:r>
          <a:r>
            <a:rPr lang="ja-JP" sz="1800" kern="100">
              <a:effectLst/>
              <a:latin typeface="+mj-ea"/>
              <a:ea typeface="+mj-ea"/>
              <a:cs typeface="Times New Roman" panose="02020603050405020304" pitchFamily="18" charset="0"/>
            </a:rPr>
            <a:t>は、</a:t>
          </a:r>
          <a:r>
            <a:rPr lang="ja-JP" sz="1800" b="1" u="sng" kern="100">
              <a:solidFill>
                <a:srgbClr val="FF0000"/>
              </a:solidFill>
              <a:effectLst/>
              <a:latin typeface="+mj-ea"/>
              <a:ea typeface="+mj-ea"/>
              <a:cs typeface="Times New Roman" panose="02020603050405020304" pitchFamily="18" charset="0"/>
            </a:rPr>
            <a:t>不要</a:t>
          </a:r>
          <a:r>
            <a:rPr lang="ja-JP" altLang="en-US" sz="1800" kern="100">
              <a:solidFill>
                <a:schemeClr val="dk1"/>
              </a:solidFill>
              <a:effectLst/>
              <a:latin typeface="+mj-ea"/>
              <a:ea typeface="+mj-ea"/>
              <a:cs typeface="Times New Roman" panose="02020603050405020304" pitchFamily="18" charset="0"/>
            </a:rPr>
            <a:t>です。</a:t>
          </a:r>
          <a:endParaRPr lang="ja-JP" sz="1800" kern="100">
            <a:solidFill>
              <a:schemeClr val="dk1"/>
            </a:solidFill>
            <a:effectLst/>
            <a:latin typeface="+mj-ea"/>
            <a:ea typeface="+mj-ea"/>
            <a:cs typeface="Times New Roman" panose="02020603050405020304" pitchFamily="18" charset="0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3A851D3-C8ED-414B-AF8A-A335CE69DACE}">
  <sheetPr>
    <tabColor theme="9" tint="0.59999389629810485"/>
    <pageSetUpPr fitToPage="1"/>
  </sheetPr>
  <dimension ref="A1:I53"/>
  <sheetViews>
    <sheetView showGridLines="0" tabSelected="1" view="pageBreakPreview" zoomScaleNormal="100" zoomScaleSheetLayoutView="100" workbookViewId="0">
      <selection activeCell="B24" sqref="B24"/>
    </sheetView>
  </sheetViews>
  <sheetFormatPr defaultColWidth="10" defaultRowHeight="13.5"/>
  <cols>
    <col min="1" max="1" width="2.5" style="2" customWidth="1"/>
    <col min="2" max="2" width="3.75" style="2" customWidth="1"/>
    <col min="3" max="3" width="6.25" style="2" customWidth="1"/>
    <col min="4" max="4" width="15" style="2" customWidth="1"/>
    <col min="5" max="5" width="18.75" style="2" customWidth="1"/>
    <col min="6" max="6" width="3.75" style="2" customWidth="1"/>
    <col min="7" max="7" width="37.5" style="2" customWidth="1"/>
    <col min="8" max="16384" width="10" style="1"/>
  </cols>
  <sheetData>
    <row r="1" spans="1:7" ht="15" customHeight="1">
      <c r="A1" s="20" t="s">
        <v>39</v>
      </c>
    </row>
    <row r="2" spans="1:7" ht="18.75" customHeight="1">
      <c r="A2" s="34" t="s">
        <v>41</v>
      </c>
      <c r="B2" s="34"/>
      <c r="C2" s="34"/>
      <c r="D2" s="34"/>
      <c r="E2" s="34"/>
      <c r="F2" s="34"/>
      <c r="G2" s="34"/>
    </row>
    <row r="3" spans="1:7" ht="8.25" customHeight="1"/>
    <row r="4" spans="1:7" ht="13.5" customHeight="1">
      <c r="G4" s="19" t="s">
        <v>40</v>
      </c>
    </row>
    <row r="5" spans="1:7" ht="13.5" customHeight="1">
      <c r="A5" s="1"/>
      <c r="B5" s="18" t="s">
        <v>38</v>
      </c>
    </row>
    <row r="6" spans="1:7" ht="13.5" customHeight="1">
      <c r="E6" s="35"/>
      <c r="F6" s="35"/>
    </row>
    <row r="7" spans="1:7" ht="13.5" customHeight="1">
      <c r="F7" s="11" t="s">
        <v>37</v>
      </c>
      <c r="G7" s="17"/>
    </row>
    <row r="8" spans="1:7" ht="30" customHeight="1">
      <c r="F8" s="11"/>
      <c r="G8" s="16"/>
    </row>
    <row r="9" spans="1:7" ht="13.5" customHeight="1">
      <c r="F9" s="11" t="s">
        <v>36</v>
      </c>
      <c r="G9" s="16"/>
    </row>
    <row r="10" spans="1:7" ht="13.5" customHeight="1">
      <c r="F10" s="11" t="s">
        <v>35</v>
      </c>
      <c r="G10" s="16"/>
    </row>
    <row r="11" spans="1:7" ht="13.5" customHeight="1">
      <c r="F11" s="15" t="s">
        <v>34</v>
      </c>
    </row>
    <row r="12" spans="1:7" ht="8.25" customHeight="1">
      <c r="A12" s="2" t="s">
        <v>33</v>
      </c>
    </row>
    <row r="13" spans="1:7" ht="28.5" customHeight="1">
      <c r="A13" s="36" t="s">
        <v>42</v>
      </c>
      <c r="B13" s="37"/>
      <c r="C13" s="37"/>
      <c r="D13" s="37"/>
      <c r="E13" s="37"/>
      <c r="F13" s="37"/>
      <c r="G13" s="37"/>
    </row>
    <row r="14" spans="1:7" ht="13.5" customHeight="1"/>
    <row r="15" spans="1:7">
      <c r="B15" s="2" t="s">
        <v>32</v>
      </c>
    </row>
    <row r="16" spans="1:7">
      <c r="B16" s="14"/>
      <c r="C16" s="1" t="s">
        <v>17</v>
      </c>
      <c r="D16" s="14"/>
      <c r="E16" s="14"/>
      <c r="F16" s="14"/>
      <c r="G16" s="14"/>
    </row>
    <row r="17" spans="2:9" ht="13.5" customHeight="1"/>
    <row r="18" spans="2:9">
      <c r="B18" s="2" t="s">
        <v>31</v>
      </c>
    </row>
    <row r="19" spans="2:9">
      <c r="C19" s="12" t="s">
        <v>30</v>
      </c>
      <c r="D19" s="12"/>
      <c r="E19" s="13" t="s">
        <v>29</v>
      </c>
      <c r="F19" s="12" t="s">
        <v>28</v>
      </c>
    </row>
    <row r="20" spans="2:9" ht="13.5" customHeight="1"/>
    <row r="21" spans="2:9">
      <c r="B21" s="2" t="s">
        <v>27</v>
      </c>
    </row>
    <row r="22" spans="2:9">
      <c r="C22" s="11" t="s">
        <v>26</v>
      </c>
      <c r="D22" s="10"/>
      <c r="E22" s="2" t="s">
        <v>25</v>
      </c>
    </row>
    <row r="23" spans="2:9" ht="13.5" customHeight="1"/>
    <row r="24" spans="2:9" ht="13.5" customHeight="1" thickBot="1">
      <c r="B24" s="2" t="s">
        <v>43</v>
      </c>
      <c r="C24" s="8"/>
      <c r="D24" s="8"/>
    </row>
    <row r="25" spans="2:9" ht="26.25" customHeight="1" thickBot="1">
      <c r="B25" s="8"/>
      <c r="C25" s="38" t="s">
        <v>24</v>
      </c>
      <c r="D25" s="39"/>
      <c r="E25" s="24" t="s">
        <v>23</v>
      </c>
      <c r="F25" s="9" t="s">
        <v>22</v>
      </c>
      <c r="G25" s="25" t="s">
        <v>21</v>
      </c>
      <c r="H25" s="7"/>
      <c r="I25" s="6"/>
    </row>
    <row r="26" spans="2:9" ht="45" customHeight="1" thickBot="1">
      <c r="B26" s="8"/>
      <c r="C26" s="26" t="s">
        <v>20</v>
      </c>
      <c r="D26" s="27"/>
      <c r="E26" s="28"/>
      <c r="F26" s="29"/>
      <c r="G26" s="30"/>
      <c r="H26" s="7"/>
      <c r="I26" s="6"/>
    </row>
    <row r="27" spans="2:9" ht="13.5" customHeight="1"/>
    <row r="28" spans="2:9">
      <c r="B28" s="2" t="s">
        <v>19</v>
      </c>
    </row>
    <row r="29" spans="2:9">
      <c r="C29" s="2" t="s">
        <v>17</v>
      </c>
    </row>
    <row r="30" spans="2:9" ht="13.5" customHeight="1"/>
    <row r="31" spans="2:9">
      <c r="B31" s="2" t="s">
        <v>18</v>
      </c>
    </row>
    <row r="32" spans="2:9">
      <c r="C32" s="2" t="s">
        <v>17</v>
      </c>
    </row>
    <row r="33" spans="2:8" ht="13.5" customHeight="1"/>
    <row r="34" spans="2:8" s="2" customFormat="1">
      <c r="B34" s="1" t="s">
        <v>16</v>
      </c>
    </row>
    <row r="35" spans="2:8" s="2" customFormat="1">
      <c r="C35" s="2" t="s">
        <v>15</v>
      </c>
    </row>
    <row r="36" spans="2:8" s="2" customFormat="1">
      <c r="C36" s="2" t="s">
        <v>14</v>
      </c>
    </row>
    <row r="37" spans="2:8" s="2" customFormat="1">
      <c r="C37" s="2" t="s">
        <v>13</v>
      </c>
    </row>
    <row r="38" spans="2:8">
      <c r="C38" s="2" t="s">
        <v>12</v>
      </c>
    </row>
    <row r="39" spans="2:8">
      <c r="C39" s="2" t="s">
        <v>11</v>
      </c>
    </row>
    <row r="40" spans="2:8">
      <c r="C40" s="2" t="s">
        <v>10</v>
      </c>
    </row>
    <row r="41" spans="2:8">
      <c r="C41" s="2" t="s">
        <v>9</v>
      </c>
    </row>
    <row r="42" spans="2:8">
      <c r="C42" s="2" t="s">
        <v>8</v>
      </c>
    </row>
    <row r="44" spans="2:8" ht="14.25" thickBot="1">
      <c r="B44" s="2" t="s">
        <v>7</v>
      </c>
    </row>
    <row r="45" spans="2:8" ht="30" customHeight="1">
      <c r="C45" s="22" t="s">
        <v>23</v>
      </c>
      <c r="D45" s="21" t="s">
        <v>6</v>
      </c>
      <c r="E45" s="5"/>
      <c r="F45" s="5"/>
      <c r="G45" s="4"/>
      <c r="H45" s="2"/>
    </row>
    <row r="46" spans="2:8" ht="30" customHeight="1" thickBot="1">
      <c r="C46" s="23" t="s">
        <v>23</v>
      </c>
      <c r="D46" s="31" t="s">
        <v>5</v>
      </c>
      <c r="E46" s="32"/>
      <c r="F46" s="32"/>
      <c r="G46" s="33"/>
      <c r="H46" s="2"/>
    </row>
    <row r="47" spans="2:8">
      <c r="C47" s="2" t="s">
        <v>4</v>
      </c>
      <c r="H47" s="2"/>
    </row>
    <row r="52" spans="2:3">
      <c r="B52" s="2" t="s">
        <v>3</v>
      </c>
      <c r="C52" s="3" t="s">
        <v>2</v>
      </c>
    </row>
    <row r="53" spans="2:3">
      <c r="B53" s="2" t="s">
        <v>1</v>
      </c>
      <c r="C53" s="3" t="s">
        <v>0</v>
      </c>
    </row>
  </sheetData>
  <sheetProtection formatCells="0" formatColumns="0" formatRows="0" insertColumns="0" insertRows="0" deleteColumns="0" deleteRows="0"/>
  <mergeCells count="7">
    <mergeCell ref="C26:D26"/>
    <mergeCell ref="E26:G26"/>
    <mergeCell ref="D46:G46"/>
    <mergeCell ref="A2:G2"/>
    <mergeCell ref="E6:F6"/>
    <mergeCell ref="A13:G13"/>
    <mergeCell ref="C25:D25"/>
  </mergeCells>
  <phoneticPr fontId="1"/>
  <conditionalFormatting sqref="D22">
    <cfRule type="containsBlanks" dxfId="3" priority="8">
      <formula>LEN(TRIM(D22))=0</formula>
    </cfRule>
  </conditionalFormatting>
  <conditionalFormatting sqref="E19">
    <cfRule type="beginsWith" dxfId="2" priority="6" operator="beginsWith" text="令和　年">
      <formula>LEFT(E19,LEN("令和　年"))="令和　年"</formula>
    </cfRule>
  </conditionalFormatting>
  <conditionalFormatting sqref="G4">
    <cfRule type="beginsWith" dxfId="1" priority="7" operator="beginsWith" text="年　月　日">
      <formula>LEFT(G4,LEN("年　月　日"))="年　月　日"</formula>
    </cfRule>
  </conditionalFormatting>
  <conditionalFormatting sqref="G7:G10">
    <cfRule type="containsBlanks" dxfId="0" priority="5">
      <formula>LEN(TRIM(G7))=0</formula>
    </cfRule>
  </conditionalFormatting>
  <dataValidations count="1">
    <dataValidation type="list" allowBlank="1" showInputMessage="1" showErrorMessage="1" sqref="C45:C46 E25" xr:uid="{ABE5A6AC-50D1-4B6B-AD66-A6092C0D72AE}">
      <formula1>$C$52:$C$53</formula1>
    </dataValidation>
  </dataValidations>
  <pageMargins left="0.70866141732283472" right="0.70866141732283472" top="1.1811023622047245" bottom="0.74803149606299213" header="0.31496062992125984" footer="0.31496062992125984"/>
  <pageSetup paperSize="9" scale="92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申請書</vt:lpstr>
      <vt:lpstr>申請書!Print_Area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2-26T00:30:04Z</cp:lastPrinted>
  <dcterms:created xsi:type="dcterms:W3CDTF">2026-01-23T07:35:24Z</dcterms:created>
  <dcterms:modified xsi:type="dcterms:W3CDTF">2026-03-19T00:31:26Z</dcterms:modified>
</cp:coreProperties>
</file>